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b70522\Desktop\"/>
    </mc:Choice>
  </mc:AlternateContent>
  <xr:revisionPtr revIDLastSave="0" documentId="8_{AEFCD371-67C9-4E25-9B17-9421391B08F5}" xr6:coauthVersionLast="47" xr6:coauthVersionMax="47" xr10:uidLastSave="{00000000-0000-0000-0000-000000000000}"/>
  <bookViews>
    <workbookView xWindow="-120" yWindow="-120" windowWidth="29040" windowHeight="15720" xr2:uid="{69468414-C8D2-4CD6-A330-10DCE9203291}"/>
  </bookViews>
  <sheets>
    <sheet name="237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7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7" uniqueCount="33">
  <si>
    <t>名称№２３７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リネンサプライ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シーツ</t>
  </si>
  <si>
    <t>平シーツ160×290cm</t>
  </si>
  <si>
    <t>枚</t>
  </si>
  <si>
    <t>布団カバー</t>
  </si>
  <si>
    <t>全覆い150×210cm</t>
  </si>
  <si>
    <t>ピロケース</t>
  </si>
  <si>
    <t>55×90cm</t>
  </si>
  <si>
    <t>タオルケット</t>
  </si>
  <si>
    <t>140×190cm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7">
      <t>シバ</t>
    </rPh>
    <rPh sb="7" eb="8">
      <t>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9463ED3-F279-428B-942A-D394DD2085AA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0304;&#12293;&#26408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0304;&#12293;&#26408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1"/>
      <sheetName val="220"/>
      <sheetName val="227"/>
      <sheetName val="234"/>
      <sheetName val="237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B54F32-48DC-47A9-AA2E-141785672462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D16" sqref="D16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74113</v>
      </c>
      <c r="G9" s="32"/>
      <c r="H9" s="33"/>
    </row>
    <row r="10" spans="1:10" ht="24.95" customHeight="1" x14ac:dyDescent="0.15">
      <c r="A10" s="26">
        <v>2</v>
      </c>
      <c r="B10" s="34" t="s">
        <v>15</v>
      </c>
      <c r="C10" s="35">
        <v>1</v>
      </c>
      <c r="D10" s="36" t="s">
        <v>16</v>
      </c>
      <c r="E10" s="37" t="s">
        <v>14</v>
      </c>
      <c r="F10" s="31">
        <v>9978</v>
      </c>
      <c r="G10" s="38"/>
      <c r="H10" s="33"/>
    </row>
    <row r="11" spans="1:10" ht="24.95" customHeight="1" x14ac:dyDescent="0.15">
      <c r="A11" s="26">
        <v>3</v>
      </c>
      <c r="B11" s="34" t="s">
        <v>17</v>
      </c>
      <c r="C11" s="35">
        <v>1</v>
      </c>
      <c r="D11" s="36" t="s">
        <v>18</v>
      </c>
      <c r="E11" s="37" t="s">
        <v>14</v>
      </c>
      <c r="F11" s="31">
        <v>73352</v>
      </c>
      <c r="G11" s="38"/>
      <c r="H11" s="33"/>
    </row>
    <row r="12" spans="1:10" ht="24.95" customHeight="1" x14ac:dyDescent="0.15">
      <c r="A12" s="26">
        <v>4</v>
      </c>
      <c r="B12" s="34" t="s">
        <v>19</v>
      </c>
      <c r="C12" s="35">
        <v>1</v>
      </c>
      <c r="D12" s="36" t="s">
        <v>20</v>
      </c>
      <c r="E12" s="37" t="s">
        <v>14</v>
      </c>
      <c r="F12" s="31">
        <v>76289</v>
      </c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21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2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3</v>
      </c>
      <c r="H42" s="65"/>
    </row>
    <row r="43" spans="1:8" ht="20.100000000000001" customHeight="1" x14ac:dyDescent="0.15">
      <c r="A43" s="65"/>
      <c r="B43" s="65" t="s">
        <v>24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5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6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7</v>
      </c>
      <c r="E46" s="65"/>
      <c r="F46" s="65"/>
      <c r="G46" s="65"/>
      <c r="H46" s="66" t="s">
        <v>28</v>
      </c>
    </row>
    <row r="47" spans="1:8" ht="20.100000000000001" customHeight="1" x14ac:dyDescent="0.15">
      <c r="A47" s="65"/>
      <c r="B47" s="65"/>
      <c r="C47" s="65"/>
      <c r="D47" s="66" t="s">
        <v>29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30</v>
      </c>
      <c r="E49" s="65"/>
      <c r="F49" s="68"/>
      <c r="G49" s="65"/>
      <c r="H49" s="66" t="s">
        <v>28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1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2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2" stopIfTrue="1">
      <formula>ISERROR(B9)</formula>
    </cfRule>
  </conditionalFormatting>
  <conditionalFormatting sqref="B9:G38">
    <cfRule type="expression" dxfId="1" priority="3" stopIfTrue="1">
      <formula>ISERROR(B9)</formula>
    </cfRule>
  </conditionalFormatting>
  <conditionalFormatting sqref="H9:H39">
    <cfRule type="expression" dxfId="0" priority="1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7</vt:lpstr>
      <vt:lpstr>'23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々木 春日</dc:creator>
  <cp:lastModifiedBy>佐々木 春日</cp:lastModifiedBy>
  <dcterms:created xsi:type="dcterms:W3CDTF">2026-02-10T12:35:25Z</dcterms:created>
  <dcterms:modified xsi:type="dcterms:W3CDTF">2026-02-10T12:35:33Z</dcterms:modified>
</cp:coreProperties>
</file>